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0FF8AC0-0CB3-40B4-B429-11666F59915C}" xr6:coauthVersionLast="36" xr6:coauthVersionMax="47" xr10:uidLastSave="{00000000-0000-0000-0000-000000000000}"/>
  <bookViews>
    <workbookView xWindow="270" yWindow="2730" windowWidth="23670" windowHeight="12750" xr2:uid="{00000000-000D-0000-FFFF-FFFF00000000}"/>
  </bookViews>
  <sheets>
    <sheet name="BitConfigTabl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04" uniqueCount="40">
  <si>
    <t>ID</t>
  </si>
  <si>
    <t>Flag1</t>
  </si>
  <si>
    <t>Flag2</t>
  </si>
  <si>
    <t>Flag3</t>
  </si>
  <si>
    <t>Flag4</t>
  </si>
  <si>
    <t>Flag5</t>
  </si>
  <si>
    <t>Flag6</t>
  </si>
  <si>
    <t>Flag7</t>
  </si>
  <si>
    <t>Flag8</t>
  </si>
  <si>
    <t>Flag9</t>
  </si>
  <si>
    <t>Flag10</t>
  </si>
  <si>
    <t>Flag11</t>
  </si>
  <si>
    <t>Flag12</t>
  </si>
  <si>
    <t>Flag13</t>
  </si>
  <si>
    <t>Flag14</t>
  </si>
  <si>
    <t>Flag15</t>
  </si>
  <si>
    <t>Flag16</t>
  </si>
  <si>
    <t>Flag17</t>
  </si>
  <si>
    <t>Flag18</t>
  </si>
  <si>
    <t>Flag19</t>
  </si>
  <si>
    <t>Flag20</t>
  </si>
  <si>
    <t>Flag21</t>
  </si>
  <si>
    <t>Flag22</t>
  </si>
  <si>
    <t>Flag23</t>
  </si>
  <si>
    <t>Flag24</t>
  </si>
  <si>
    <t>Flag25</t>
  </si>
  <si>
    <t>Flag26</t>
  </si>
  <si>
    <t>Flag27</t>
  </si>
  <si>
    <t>Flag28</t>
  </si>
  <si>
    <t>Flag29</t>
  </si>
  <si>
    <t>Flag30</t>
  </si>
  <si>
    <t>Flag31</t>
  </si>
  <si>
    <t>Flag32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9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0" fontId="0" fillId="33" borderId="0" xfId="0" applyFill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49433F43-FC42-4A56-92D3-3E3491884E7F}" name="テーブル1" displayName="テーブル1" ref="A1:E67" totalsRowShown="0">
  <autoFilter ref="A1:E67" xr:uid="{49433F43-FC42-4A56-92D3-3E3491884E7F}"/>
  <tableColumns count="5">
    <tableColumn id="1" xr3:uid="{AC8E598B-6CD4-4EEA-98F4-7912176FE799}" name="ID"/>
    <tableColumn id="2" xr3:uid="{04B7B24E-827B-466D-83F7-9303BBCABB03}" name="TERMINATOR"/>
    <tableColumn id="3" xr3:uid="{40D407C6-3478-4732-B375-FF41666C4E69}" name="MAX_LENGTH"/>
    <tableColumn id="4" xr3:uid="{77C47AE3-DF35-465D-8D3B-F6093F2E38F5}" name="SOURCE"/>
    <tableColumn id="5" xr3:uid="{10C733F1-21BC-4C19-9AE5-E2A88601BD2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G2"/>
  <sheetViews>
    <sheetView tabSelected="1" workbookViewId="0">
      <selection activeCell="G7" sqref="G7"/>
    </sheetView>
  </sheetViews>
  <sheetFormatPr defaultColWidth="4.625" defaultRowHeight="18.75" x14ac:dyDescent="0.4"/>
  <sheetData>
    <row r="1" spans="1:33" x14ac:dyDescent="0.4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  <c r="Z1" s="1" t="s">
        <v>25</v>
      </c>
      <c r="AA1" s="1" t="s">
        <v>26</v>
      </c>
      <c r="AB1" s="1" t="s">
        <v>27</v>
      </c>
      <c r="AC1" s="1" t="s">
        <v>28</v>
      </c>
      <c r="AD1" s="1" t="s">
        <v>29</v>
      </c>
      <c r="AE1" s="1" t="s">
        <v>30</v>
      </c>
      <c r="AF1" s="1" t="s">
        <v>31</v>
      </c>
      <c r="AG1" s="1" t="s">
        <v>32</v>
      </c>
    </row>
    <row r="2" spans="1:33" x14ac:dyDescent="0.4">
      <c r="A2">
        <v>1</v>
      </c>
      <c r="B2">
        <v>0</v>
      </c>
      <c r="C2">
        <v>1</v>
      </c>
      <c r="D2">
        <v>1</v>
      </c>
      <c r="E2">
        <v>0</v>
      </c>
      <c r="F2">
        <v>0</v>
      </c>
      <c r="G2">
        <v>0</v>
      </c>
      <c r="H2">
        <v>1</v>
      </c>
      <c r="I2">
        <v>1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0</v>
      </c>
      <c r="R2">
        <v>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67"/>
  <sheetViews>
    <sheetView workbookViewId="0">
      <selection sqref="A1:E67"/>
    </sheetView>
  </sheetViews>
  <sheetFormatPr defaultRowHeight="18.75" x14ac:dyDescent="0.4"/>
  <sheetData>
    <row r="1" spans="1:5" x14ac:dyDescent="0.4">
      <c r="A1" t="s">
        <v>33</v>
      </c>
      <c r="B1" t="s">
        <v>34</v>
      </c>
      <c r="C1" t="s">
        <v>35</v>
      </c>
      <c r="D1" t="s">
        <v>36</v>
      </c>
      <c r="E1" t="s">
        <v>37</v>
      </c>
    </row>
    <row r="2" spans="1:5" x14ac:dyDescent="0.4">
      <c r="A2">
        <v>1</v>
      </c>
      <c r="B2" s="2" t="s">
        <v>38</v>
      </c>
      <c r="C2">
        <v>12</v>
      </c>
      <c r="E2" s="2"/>
    </row>
    <row r="3" spans="1:5" x14ac:dyDescent="0.4">
      <c r="A3">
        <v>2</v>
      </c>
      <c r="B3" s="2" t="s">
        <v>38</v>
      </c>
      <c r="C3">
        <v>3</v>
      </c>
      <c r="E3" s="2"/>
    </row>
    <row r="4" spans="1:5" x14ac:dyDescent="0.4">
      <c r="A4">
        <v>3</v>
      </c>
      <c r="B4" s="2" t="s">
        <v>38</v>
      </c>
      <c r="C4">
        <v>3</v>
      </c>
      <c r="E4" s="2"/>
    </row>
    <row r="5" spans="1:5" x14ac:dyDescent="0.4">
      <c r="A5">
        <v>4</v>
      </c>
      <c r="B5" s="2" t="s">
        <v>38</v>
      </c>
      <c r="C5">
        <v>3</v>
      </c>
      <c r="E5" s="2"/>
    </row>
    <row r="6" spans="1:5" x14ac:dyDescent="0.4">
      <c r="A6">
        <v>5</v>
      </c>
      <c r="B6" s="2" t="s">
        <v>38</v>
      </c>
      <c r="C6">
        <v>3</v>
      </c>
      <c r="E6" s="2"/>
    </row>
    <row r="7" spans="1:5" x14ac:dyDescent="0.4">
      <c r="A7">
        <v>6</v>
      </c>
      <c r="B7" s="2" t="s">
        <v>38</v>
      </c>
      <c r="C7">
        <v>3</v>
      </c>
      <c r="E7" s="2"/>
    </row>
    <row r="8" spans="1:5" x14ac:dyDescent="0.4">
      <c r="A8">
        <v>7</v>
      </c>
      <c r="B8" s="2" t="s">
        <v>38</v>
      </c>
      <c r="C8">
        <v>3</v>
      </c>
      <c r="E8" s="2"/>
    </row>
    <row r="9" spans="1:5" x14ac:dyDescent="0.4">
      <c r="A9">
        <v>8</v>
      </c>
      <c r="B9" s="2" t="s">
        <v>38</v>
      </c>
      <c r="C9">
        <v>3</v>
      </c>
      <c r="E9" s="2"/>
    </row>
    <row r="10" spans="1:5" x14ac:dyDescent="0.4">
      <c r="A10">
        <v>9</v>
      </c>
      <c r="B10" s="2" t="s">
        <v>38</v>
      </c>
      <c r="C10">
        <v>3</v>
      </c>
      <c r="E10" s="2"/>
    </row>
    <row r="11" spans="1:5" x14ac:dyDescent="0.4">
      <c r="A11">
        <v>10</v>
      </c>
      <c r="B11" s="2" t="s">
        <v>38</v>
      </c>
      <c r="C11">
        <v>3</v>
      </c>
      <c r="E11" s="2"/>
    </row>
    <row r="12" spans="1:5" x14ac:dyDescent="0.4">
      <c r="A12">
        <v>11</v>
      </c>
      <c r="B12" s="2" t="s">
        <v>38</v>
      </c>
      <c r="C12">
        <v>3</v>
      </c>
      <c r="E12" s="2"/>
    </row>
    <row r="13" spans="1:5" x14ac:dyDescent="0.4">
      <c r="A13">
        <v>12</v>
      </c>
      <c r="B13" s="2" t="s">
        <v>38</v>
      </c>
      <c r="C13">
        <v>3</v>
      </c>
      <c r="E13" s="2"/>
    </row>
    <row r="14" spans="1:5" x14ac:dyDescent="0.4">
      <c r="A14">
        <v>13</v>
      </c>
      <c r="B14" s="2" t="s">
        <v>38</v>
      </c>
      <c r="C14">
        <v>3</v>
      </c>
      <c r="E14" s="2"/>
    </row>
    <row r="15" spans="1:5" x14ac:dyDescent="0.4">
      <c r="A15">
        <v>14</v>
      </c>
      <c r="B15" s="2" t="s">
        <v>38</v>
      </c>
      <c r="C15">
        <v>3</v>
      </c>
      <c r="E15" s="2"/>
    </row>
    <row r="16" spans="1:5" x14ac:dyDescent="0.4">
      <c r="A16">
        <v>15</v>
      </c>
      <c r="B16" s="2" t="s">
        <v>38</v>
      </c>
      <c r="C16">
        <v>3</v>
      </c>
      <c r="E16" s="2"/>
    </row>
    <row r="17" spans="1:5" x14ac:dyDescent="0.4">
      <c r="A17">
        <v>16</v>
      </c>
      <c r="B17" s="2" t="s">
        <v>38</v>
      </c>
      <c r="C17">
        <v>3</v>
      </c>
      <c r="E17" s="2"/>
    </row>
    <row r="18" spans="1:5" x14ac:dyDescent="0.4">
      <c r="A18">
        <v>17</v>
      </c>
      <c r="B18" s="2" t="s">
        <v>38</v>
      </c>
      <c r="C18">
        <v>3</v>
      </c>
      <c r="E18" s="2"/>
    </row>
    <row r="19" spans="1:5" x14ac:dyDescent="0.4">
      <c r="A19">
        <v>18</v>
      </c>
      <c r="B19" s="2" t="s">
        <v>38</v>
      </c>
      <c r="C19">
        <v>3</v>
      </c>
      <c r="E19" s="2"/>
    </row>
    <row r="20" spans="1:5" x14ac:dyDescent="0.4">
      <c r="A20">
        <v>19</v>
      </c>
      <c r="B20" s="2" t="s">
        <v>38</v>
      </c>
      <c r="C20">
        <v>3</v>
      </c>
      <c r="E20" s="2"/>
    </row>
    <row r="21" spans="1:5" x14ac:dyDescent="0.4">
      <c r="A21">
        <v>20</v>
      </c>
      <c r="B21" s="2" t="s">
        <v>38</v>
      </c>
      <c r="C21">
        <v>3</v>
      </c>
      <c r="E21" s="2"/>
    </row>
    <row r="22" spans="1:5" x14ac:dyDescent="0.4">
      <c r="A22">
        <v>21</v>
      </c>
      <c r="B22" s="2" t="s">
        <v>38</v>
      </c>
      <c r="C22">
        <v>3</v>
      </c>
      <c r="E22" s="2"/>
    </row>
    <row r="23" spans="1:5" x14ac:dyDescent="0.4">
      <c r="A23">
        <v>22</v>
      </c>
      <c r="B23" s="2" t="s">
        <v>38</v>
      </c>
      <c r="C23">
        <v>3</v>
      </c>
      <c r="E23" s="2"/>
    </row>
    <row r="24" spans="1:5" x14ac:dyDescent="0.4">
      <c r="A24">
        <v>23</v>
      </c>
      <c r="B24" s="2" t="s">
        <v>38</v>
      </c>
      <c r="C24">
        <v>3</v>
      </c>
      <c r="E24" s="2"/>
    </row>
    <row r="25" spans="1:5" x14ac:dyDescent="0.4">
      <c r="A25">
        <v>24</v>
      </c>
      <c r="B25" s="2" t="s">
        <v>38</v>
      </c>
      <c r="C25">
        <v>3</v>
      </c>
      <c r="E25" s="2"/>
    </row>
    <row r="26" spans="1:5" x14ac:dyDescent="0.4">
      <c r="A26">
        <v>25</v>
      </c>
      <c r="B26" s="2" t="s">
        <v>38</v>
      </c>
      <c r="C26">
        <v>3</v>
      </c>
      <c r="E26" s="2"/>
    </row>
    <row r="27" spans="1:5" x14ac:dyDescent="0.4">
      <c r="A27">
        <v>26</v>
      </c>
      <c r="B27" s="2" t="s">
        <v>38</v>
      </c>
      <c r="C27">
        <v>3</v>
      </c>
      <c r="E27" s="2"/>
    </row>
    <row r="28" spans="1:5" x14ac:dyDescent="0.4">
      <c r="A28">
        <v>27</v>
      </c>
      <c r="B28" s="2" t="s">
        <v>38</v>
      </c>
      <c r="C28">
        <v>3</v>
      </c>
      <c r="E28" s="2"/>
    </row>
    <row r="29" spans="1:5" x14ac:dyDescent="0.4">
      <c r="A29">
        <v>28</v>
      </c>
      <c r="B29" s="2" t="s">
        <v>38</v>
      </c>
      <c r="C29">
        <v>3</v>
      </c>
      <c r="E29" s="2"/>
    </row>
    <row r="30" spans="1:5" x14ac:dyDescent="0.4">
      <c r="A30">
        <v>29</v>
      </c>
      <c r="B30" s="2" t="s">
        <v>38</v>
      </c>
      <c r="C30">
        <v>3</v>
      </c>
      <c r="E30" s="2"/>
    </row>
    <row r="31" spans="1:5" x14ac:dyDescent="0.4">
      <c r="A31">
        <v>30</v>
      </c>
      <c r="B31" s="2" t="s">
        <v>38</v>
      </c>
      <c r="C31">
        <v>3</v>
      </c>
      <c r="E31" s="2"/>
    </row>
    <row r="32" spans="1:5" x14ac:dyDescent="0.4">
      <c r="A32">
        <v>31</v>
      </c>
      <c r="B32" s="2" t="s">
        <v>38</v>
      </c>
      <c r="C32">
        <v>3</v>
      </c>
      <c r="E32" s="2"/>
    </row>
    <row r="33" spans="1:5" x14ac:dyDescent="0.4">
      <c r="A33">
        <v>32</v>
      </c>
      <c r="B33" s="2" t="s">
        <v>38</v>
      </c>
      <c r="C33">
        <v>3</v>
      </c>
      <c r="E33" s="2"/>
    </row>
    <row r="34" spans="1:5" x14ac:dyDescent="0.4">
      <c r="A34">
        <v>33</v>
      </c>
      <c r="B34" s="2" t="s">
        <v>39</v>
      </c>
      <c r="C34">
        <v>3</v>
      </c>
      <c r="E34" s="2"/>
    </row>
    <row r="35" spans="1:5" x14ac:dyDescent="0.4">
      <c r="B35" s="2"/>
      <c r="D35">
        <v>1</v>
      </c>
      <c r="E35" s="2" t="s">
        <v>0</v>
      </c>
    </row>
    <row r="36" spans="1:5" x14ac:dyDescent="0.4">
      <c r="B36" s="2"/>
      <c r="D36">
        <v>2</v>
      </c>
      <c r="E36" s="2" t="s">
        <v>1</v>
      </c>
    </row>
    <row r="37" spans="1:5" x14ac:dyDescent="0.4">
      <c r="B37" s="2"/>
      <c r="D37">
        <v>3</v>
      </c>
      <c r="E37" s="2" t="s">
        <v>2</v>
      </c>
    </row>
    <row r="38" spans="1:5" x14ac:dyDescent="0.4">
      <c r="B38" s="2"/>
      <c r="D38">
        <v>4</v>
      </c>
      <c r="E38" s="2" t="s">
        <v>3</v>
      </c>
    </row>
    <row r="39" spans="1:5" x14ac:dyDescent="0.4">
      <c r="B39" s="2"/>
      <c r="D39">
        <v>5</v>
      </c>
      <c r="E39" s="2" t="s">
        <v>4</v>
      </c>
    </row>
    <row r="40" spans="1:5" x14ac:dyDescent="0.4">
      <c r="B40" s="2"/>
      <c r="D40">
        <v>6</v>
      </c>
      <c r="E40" s="2" t="s">
        <v>5</v>
      </c>
    </row>
    <row r="41" spans="1:5" x14ac:dyDescent="0.4">
      <c r="B41" s="2"/>
      <c r="D41">
        <v>7</v>
      </c>
      <c r="E41" s="2" t="s">
        <v>6</v>
      </c>
    </row>
    <row r="42" spans="1:5" x14ac:dyDescent="0.4">
      <c r="B42" s="2"/>
      <c r="D42">
        <v>8</v>
      </c>
      <c r="E42" s="2" t="s">
        <v>7</v>
      </c>
    </row>
    <row r="43" spans="1:5" x14ac:dyDescent="0.4">
      <c r="B43" s="2"/>
      <c r="D43">
        <v>9</v>
      </c>
      <c r="E43" s="2" t="s">
        <v>8</v>
      </c>
    </row>
    <row r="44" spans="1:5" x14ac:dyDescent="0.4">
      <c r="B44" s="2"/>
      <c r="D44">
        <v>10</v>
      </c>
      <c r="E44" s="2" t="s">
        <v>9</v>
      </c>
    </row>
    <row r="45" spans="1:5" x14ac:dyDescent="0.4">
      <c r="B45" s="2"/>
      <c r="D45">
        <v>11</v>
      </c>
      <c r="E45" s="2" t="s">
        <v>10</v>
      </c>
    </row>
    <row r="46" spans="1:5" x14ac:dyDescent="0.4">
      <c r="B46" s="2"/>
      <c r="D46">
        <v>12</v>
      </c>
      <c r="E46" s="2" t="s">
        <v>11</v>
      </c>
    </row>
    <row r="47" spans="1:5" x14ac:dyDescent="0.4">
      <c r="B47" s="2"/>
      <c r="D47">
        <v>13</v>
      </c>
      <c r="E47" s="2" t="s">
        <v>12</v>
      </c>
    </row>
    <row r="48" spans="1:5" x14ac:dyDescent="0.4">
      <c r="B48" s="2"/>
      <c r="D48">
        <v>14</v>
      </c>
      <c r="E48" s="2" t="s">
        <v>13</v>
      </c>
    </row>
    <row r="49" spans="2:5" x14ac:dyDescent="0.4">
      <c r="B49" s="2"/>
      <c r="D49">
        <v>15</v>
      </c>
      <c r="E49" s="2" t="s">
        <v>14</v>
      </c>
    </row>
    <row r="50" spans="2:5" x14ac:dyDescent="0.4">
      <c r="B50" s="2"/>
      <c r="D50">
        <v>16</v>
      </c>
      <c r="E50" s="2" t="s">
        <v>15</v>
      </c>
    </row>
    <row r="51" spans="2:5" x14ac:dyDescent="0.4">
      <c r="B51" s="2"/>
      <c r="D51">
        <v>17</v>
      </c>
      <c r="E51" s="2" t="s">
        <v>16</v>
      </c>
    </row>
    <row r="52" spans="2:5" x14ac:dyDescent="0.4">
      <c r="B52" s="2"/>
      <c r="D52">
        <v>18</v>
      </c>
      <c r="E52" s="2" t="s">
        <v>17</v>
      </c>
    </row>
    <row r="53" spans="2:5" x14ac:dyDescent="0.4">
      <c r="B53" s="2"/>
      <c r="D53">
        <v>19</v>
      </c>
      <c r="E53" s="2" t="s">
        <v>18</v>
      </c>
    </row>
    <row r="54" spans="2:5" x14ac:dyDescent="0.4">
      <c r="B54" s="2"/>
      <c r="D54">
        <v>20</v>
      </c>
      <c r="E54" s="2" t="s">
        <v>19</v>
      </c>
    </row>
    <row r="55" spans="2:5" x14ac:dyDescent="0.4">
      <c r="B55" s="2"/>
      <c r="D55">
        <v>21</v>
      </c>
      <c r="E55" s="2" t="s">
        <v>20</v>
      </c>
    </row>
    <row r="56" spans="2:5" x14ac:dyDescent="0.4">
      <c r="B56" s="2"/>
      <c r="D56">
        <v>22</v>
      </c>
      <c r="E56" s="2" t="s">
        <v>21</v>
      </c>
    </row>
    <row r="57" spans="2:5" x14ac:dyDescent="0.4">
      <c r="B57" s="2"/>
      <c r="D57">
        <v>23</v>
      </c>
      <c r="E57" s="2" t="s">
        <v>22</v>
      </c>
    </row>
    <row r="58" spans="2:5" x14ac:dyDescent="0.4">
      <c r="B58" s="2"/>
      <c r="D58">
        <v>24</v>
      </c>
      <c r="E58" s="2" t="s">
        <v>23</v>
      </c>
    </row>
    <row r="59" spans="2:5" x14ac:dyDescent="0.4">
      <c r="B59" s="2"/>
      <c r="D59">
        <v>25</v>
      </c>
      <c r="E59" s="2" t="s">
        <v>24</v>
      </c>
    </row>
    <row r="60" spans="2:5" x14ac:dyDescent="0.4">
      <c r="B60" s="2"/>
      <c r="D60">
        <v>26</v>
      </c>
      <c r="E60" s="2" t="s">
        <v>25</v>
      </c>
    </row>
    <row r="61" spans="2:5" x14ac:dyDescent="0.4">
      <c r="B61" s="2"/>
      <c r="D61">
        <v>27</v>
      </c>
      <c r="E61" s="2" t="s">
        <v>26</v>
      </c>
    </row>
    <row r="62" spans="2:5" x14ac:dyDescent="0.4">
      <c r="B62" s="2"/>
      <c r="D62">
        <v>28</v>
      </c>
      <c r="E62" s="2" t="s">
        <v>27</v>
      </c>
    </row>
    <row r="63" spans="2:5" x14ac:dyDescent="0.4">
      <c r="B63" s="2"/>
      <c r="D63">
        <v>29</v>
      </c>
      <c r="E63" s="2" t="s">
        <v>28</v>
      </c>
    </row>
    <row r="64" spans="2:5" x14ac:dyDescent="0.4">
      <c r="B64" s="2"/>
      <c r="D64">
        <v>30</v>
      </c>
      <c r="E64" s="2" t="s">
        <v>29</v>
      </c>
    </row>
    <row r="65" spans="2:5" x14ac:dyDescent="0.4">
      <c r="B65" s="2"/>
      <c r="D65">
        <v>31</v>
      </c>
      <c r="E65" s="2" t="s">
        <v>30</v>
      </c>
    </row>
    <row r="66" spans="2:5" x14ac:dyDescent="0.4">
      <c r="B66" s="2"/>
      <c r="D66">
        <v>32</v>
      </c>
      <c r="E66" s="2" t="s">
        <v>31</v>
      </c>
    </row>
    <row r="67" spans="2:5" x14ac:dyDescent="0.4">
      <c r="B67" s="2"/>
      <c r="D67">
        <v>33</v>
      </c>
      <c r="E67" s="2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itConfigTabl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YOSHIKURA</cp:lastModifiedBy>
  <dcterms:created xsi:type="dcterms:W3CDTF">2024-02-22T08:44:06Z</dcterms:created>
  <dcterms:modified xsi:type="dcterms:W3CDTF">2024-02-26T04:05:41Z</dcterms:modified>
</cp:coreProperties>
</file>